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T:\050環境県民局\999環境県民局共有\用途別共有\04 エコひろしま(環境保全課）\掲載データ\eco\i\i1\tourokuseido\tourokuseihin\sinseitouroku\"/>
    </mc:Choice>
  </mc:AlternateContent>
  <workbookProtection workbookPassword="CFF9" lockStructure="1"/>
  <bookViews>
    <workbookView xWindow="0" yWindow="0" windowWidth="19200" windowHeight="6540"/>
  </bookViews>
  <sheets>
    <sheet name="Sheet1" sheetId="1" r:id="rId1"/>
    <sheet name="Sheet2" sheetId="2" r:id="rId2"/>
    <sheet name="Sheet3" sheetId="3" r:id="rId3"/>
  </sheets>
  <calcPr calcId="152511"/>
</workbook>
</file>

<file path=xl/sharedStrings.xml><?xml version="1.0" encoding="utf-8"?>
<sst xmlns="http://schemas.openxmlformats.org/spreadsheetml/2006/main" count="101" uniqueCount="48">
  <si>
    <t>-</t>
  </si>
  <si>
    <t>製　品　名</t>
    <rPh sb="0" eb="1">
      <t>セイ</t>
    </rPh>
    <rPh sb="2" eb="3">
      <t>シナ</t>
    </rPh>
    <rPh sb="4" eb="5">
      <t>メイ</t>
    </rPh>
    <phoneticPr fontId="1"/>
  </si>
  <si>
    <t>審査結果</t>
    <rPh sb="0" eb="2">
      <t>シンサ</t>
    </rPh>
    <rPh sb="2" eb="4">
      <t>ケッカ</t>
    </rPh>
    <phoneticPr fontId="1"/>
  </si>
  <si>
    <t>共通基準</t>
    <rPh sb="0" eb="2">
      <t>キョウツウ</t>
    </rPh>
    <rPh sb="2" eb="4">
      <t>キジュン</t>
    </rPh>
    <phoneticPr fontId="1"/>
  </si>
  <si>
    <t>項　　　　目</t>
    <rPh sb="0" eb="1">
      <t>コウ</t>
    </rPh>
    <rPh sb="5" eb="6">
      <t>メ</t>
    </rPh>
    <phoneticPr fontId="1"/>
  </si>
  <si>
    <t>カドミウム</t>
  </si>
  <si>
    <t>シアン</t>
    <phoneticPr fontId="1"/>
  </si>
  <si>
    <t>有機燐</t>
  </si>
  <si>
    <t>鉛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,1-ｼﾞｸﾛﾛｴﾁﾚﾝ</t>
  </si>
  <si>
    <t>1,1,1-ﾄﾘｸﾛﾛｴﾀﾝ</t>
  </si>
  <si>
    <t>1,1,2-ﾄﾘｸﾛﾛｴﾀﾝ</t>
  </si>
  <si>
    <t>ﾄﾘｸﾛﾛｴﾁﾚﾝ</t>
  </si>
  <si>
    <t>ﾃﾄﾗｸﾛﾛｴﾁﾚﾝ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ダイオキシン</t>
  </si>
  <si>
    <t>感染性処理</t>
  </si>
  <si>
    <t>mg/l</t>
  </si>
  <si>
    <t>pg-TEQ/g</t>
  </si>
  <si>
    <t>ND</t>
  </si>
  <si>
    <t>根　　　　拠</t>
    <rPh sb="0" eb="1">
      <t>ネ</t>
    </rPh>
    <rPh sb="5" eb="6">
      <t>キョ</t>
    </rPh>
    <phoneticPr fontId="1"/>
  </si>
  <si>
    <t>登録番号</t>
    <rPh sb="0" eb="2">
      <t>トウロク</t>
    </rPh>
    <rPh sb="2" eb="4">
      <t>バンゴウ</t>
    </rPh>
    <phoneticPr fontId="1"/>
  </si>
  <si>
    <t>製造者名</t>
    <rPh sb="0" eb="3">
      <t>セイゾウシャ</t>
    </rPh>
    <rPh sb="3" eb="4">
      <t>ナ</t>
    </rPh>
    <phoneticPr fontId="1"/>
  </si>
  <si>
    <t>1,2-ｼﾞｸﾛﾛｴﾁﾚﾝ</t>
    <phoneticPr fontId="1"/>
  </si>
  <si>
    <t>クロロエチレン</t>
    <phoneticPr fontId="1"/>
  </si>
  <si>
    <t>1-044</t>
    <phoneticPr fontId="1"/>
  </si>
  <si>
    <t>1,3-ｼﾞｸﾛﾛｴﾀﾝ</t>
  </si>
  <si>
    <t>1,4-ｼﾞｸﾛﾛﾌﾟﾛﾍﾟﾝ</t>
  </si>
  <si>
    <t>土壌の汚染に係る環境基準について（平成３年環境庁告示第４6号）</t>
    <rPh sb="0" eb="2">
      <t>ドジョウ</t>
    </rPh>
    <rPh sb="3" eb="5">
      <t>オセン</t>
    </rPh>
    <rPh sb="6" eb="7">
      <t>カカ</t>
    </rPh>
    <rPh sb="8" eb="10">
      <t>カンキョウ</t>
    </rPh>
    <rPh sb="10" eb="12">
      <t>キジュン</t>
    </rPh>
    <rPh sb="17" eb="19">
      <t>ヘイセイ</t>
    </rPh>
    <rPh sb="20" eb="21">
      <t>ネン</t>
    </rPh>
    <rPh sb="21" eb="24">
      <t>カンキョウチョウ</t>
    </rPh>
    <rPh sb="24" eb="26">
      <t>コクジ</t>
    </rPh>
    <rPh sb="26" eb="27">
      <t>ダイ</t>
    </rPh>
    <rPh sb="29" eb="30">
      <t>ゴウ</t>
    </rPh>
    <phoneticPr fontId="1"/>
  </si>
  <si>
    <t>(株)熊野技建</t>
    <rPh sb="0" eb="3">
      <t>カブシキガイシャ</t>
    </rPh>
    <rPh sb="3" eb="7">
      <t>クマノギケン</t>
    </rPh>
    <phoneticPr fontId="1"/>
  </si>
  <si>
    <t>EB（イービー）</t>
    <phoneticPr fontId="1"/>
  </si>
  <si>
    <t>1,4-ジオキサン</t>
    <phoneticPr fontId="1"/>
  </si>
  <si>
    <t>ND</t>
    <phoneticPr fontId="1"/>
  </si>
  <si>
    <t>ND</t>
    <phoneticPr fontId="1"/>
  </si>
  <si>
    <t>適合</t>
    <rPh sb="0" eb="2">
      <t>テキ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4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4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double">
        <color indexed="64"/>
      </bottom>
      <diagonal/>
    </border>
    <border>
      <left/>
      <right/>
      <top style="hair">
        <color indexed="64"/>
      </top>
      <bottom style="double">
        <color indexed="64"/>
      </bottom>
      <diagonal/>
    </border>
    <border>
      <left/>
      <right style="medium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</borders>
  <cellStyleXfs count="1">
    <xf numFmtId="0" fontId="0" fillId="0" borderId="0"/>
  </cellStyleXfs>
  <cellXfs count="57">
    <xf numFmtId="0" fontId="0" fillId="0" borderId="0" xfId="0"/>
    <xf numFmtId="0" fontId="0" fillId="0" borderId="1" xfId="0" applyFill="1" applyBorder="1" applyAlignment="1">
      <alignment horizontal="center"/>
    </xf>
    <xf numFmtId="0" fontId="0" fillId="0" borderId="2" xfId="0" applyFill="1" applyBorder="1" applyAlignment="1">
      <alignment horizontal="center"/>
    </xf>
    <xf numFmtId="0" fontId="2" fillId="0" borderId="0" xfId="0" applyFont="1"/>
    <xf numFmtId="0" fontId="0" fillId="0" borderId="3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0" borderId="6" xfId="0" applyBorder="1"/>
    <xf numFmtId="0" fontId="0" fillId="0" borderId="7" xfId="0" applyBorder="1"/>
    <xf numFmtId="0" fontId="0" fillId="0" borderId="8" xfId="0" applyBorder="1"/>
    <xf numFmtId="0" fontId="0" fillId="0" borderId="9" xfId="0" applyBorder="1" applyAlignment="1"/>
    <xf numFmtId="0" fontId="0" fillId="0" borderId="10" xfId="0" applyBorder="1" applyAlignment="1"/>
    <xf numFmtId="0" fontId="0" fillId="0" borderId="0" xfId="0" applyAlignment="1"/>
    <xf numFmtId="0" fontId="0" fillId="0" borderId="11" xfId="0" applyBorder="1" applyAlignment="1">
      <alignment horizontal="center"/>
    </xf>
    <xf numFmtId="0" fontId="0" fillId="0" borderId="12" xfId="0" applyBorder="1" applyAlignment="1">
      <alignment horizontal="center"/>
    </xf>
    <xf numFmtId="0" fontId="0" fillId="0" borderId="13" xfId="0" applyBorder="1" applyAlignment="1">
      <alignment horizontal="center"/>
    </xf>
    <xf numFmtId="0" fontId="0" fillId="2" borderId="14" xfId="0" applyFill="1" applyBorder="1" applyAlignment="1" applyProtection="1">
      <alignment horizontal="center"/>
      <protection locked="0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4" xfId="0" applyFill="1" applyBorder="1" applyAlignment="1">
      <alignment horizontal="center"/>
    </xf>
    <xf numFmtId="0" fontId="0" fillId="2" borderId="15" xfId="0" applyFill="1" applyBorder="1" applyAlignment="1" applyProtection="1">
      <alignment horizontal="left" wrapText="1"/>
      <protection locked="0"/>
    </xf>
    <xf numFmtId="0" fontId="0" fillId="2" borderId="19" xfId="0" applyFill="1" applyBorder="1" applyAlignment="1" applyProtection="1">
      <alignment horizontal="left" wrapText="1"/>
      <protection locked="0"/>
    </xf>
    <xf numFmtId="0" fontId="0" fillId="0" borderId="42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43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0" borderId="41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36" xfId="0" applyBorder="1" applyAlignment="1">
      <alignment horizontal="center" vertical="center"/>
    </xf>
    <xf numFmtId="0" fontId="0" fillId="0" borderId="39" xfId="0" applyBorder="1" applyAlignment="1">
      <alignment horizontal="center" vertical="center"/>
    </xf>
    <xf numFmtId="0" fontId="0" fillId="0" borderId="37" xfId="0" applyBorder="1" applyAlignment="1">
      <alignment horizontal="center" vertical="center"/>
    </xf>
    <xf numFmtId="0" fontId="0" fillId="0" borderId="40" xfId="0" applyBorder="1" applyAlignment="1">
      <alignment horizontal="center" vertical="center"/>
    </xf>
    <xf numFmtId="0" fontId="0" fillId="0" borderId="35" xfId="0" applyBorder="1" applyAlignment="1">
      <alignment horizontal="center"/>
    </xf>
    <xf numFmtId="0" fontId="0" fillId="0" borderId="38" xfId="0" applyBorder="1" applyAlignment="1">
      <alignment horizontal="center"/>
    </xf>
    <xf numFmtId="0" fontId="0" fillId="0" borderId="29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2" xfId="0" applyBorder="1" applyAlignment="1">
      <alignment horizontal="center" vertical="center" wrapText="1"/>
    </xf>
    <xf numFmtId="0" fontId="0" fillId="0" borderId="28" xfId="0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32" xfId="0" applyBorder="1" applyAlignment="1">
      <alignment horizontal="center" vertical="center" wrapText="1"/>
    </xf>
    <xf numFmtId="0" fontId="0" fillId="0" borderId="30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33" xfId="0" applyBorder="1" applyAlignment="1">
      <alignment horizontal="center" vertical="center" wrapText="1"/>
    </xf>
    <xf numFmtId="0" fontId="0" fillId="0" borderId="34" xfId="0" applyBorder="1" applyAlignment="1">
      <alignment horizontal="center" vertical="center" wrapText="1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 wrapText="1"/>
    </xf>
    <xf numFmtId="0" fontId="0" fillId="0" borderId="27" xfId="0" applyBorder="1" applyAlignment="1">
      <alignment horizontal="center" vertical="center" wrapText="1"/>
    </xf>
    <xf numFmtId="0" fontId="0" fillId="3" borderId="4" xfId="0" applyNumberFormat="1" applyFill="1" applyBorder="1" applyAlignment="1" applyProtection="1">
      <alignment horizontal="center"/>
      <protection locked="0"/>
    </xf>
    <xf numFmtId="0" fontId="0" fillId="4" borderId="4" xfId="0" applyNumberFormat="1" applyFill="1" applyBorder="1" applyAlignment="1" applyProtection="1">
      <alignment horizont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H11"/>
  <sheetViews>
    <sheetView tabSelected="1" view="pageBreakPreview" zoomScaleNormal="100" workbookViewId="0">
      <selection activeCell="A2" sqref="A2"/>
    </sheetView>
  </sheetViews>
  <sheetFormatPr defaultRowHeight="13"/>
  <cols>
    <col min="1" max="1" width="13.453125" customWidth="1"/>
    <col min="2" max="2" width="16.08984375" customWidth="1"/>
    <col min="3" max="3" width="20.36328125" customWidth="1"/>
    <col min="4" max="34" width="9.26953125" customWidth="1"/>
  </cols>
  <sheetData>
    <row r="2" spans="1:34" ht="17" thickBot="1">
      <c r="A2" s="3" t="s">
        <v>3</v>
      </c>
    </row>
    <row r="3" spans="1:34">
      <c r="A3" s="47" t="s">
        <v>4</v>
      </c>
      <c r="B3" s="48"/>
      <c r="C3" s="49"/>
      <c r="D3" s="53" t="s">
        <v>5</v>
      </c>
      <c r="E3" s="37" t="s">
        <v>6</v>
      </c>
      <c r="F3" s="37" t="s">
        <v>7</v>
      </c>
      <c r="G3" s="37" t="s">
        <v>8</v>
      </c>
      <c r="H3" s="37" t="s">
        <v>9</v>
      </c>
      <c r="I3" s="37" t="s">
        <v>10</v>
      </c>
      <c r="J3" s="37" t="s">
        <v>11</v>
      </c>
      <c r="K3" s="37" t="s">
        <v>12</v>
      </c>
      <c r="L3" s="37" t="s">
        <v>13</v>
      </c>
      <c r="M3" s="37" t="s">
        <v>14</v>
      </c>
      <c r="N3" s="45" t="s">
        <v>37</v>
      </c>
      <c r="O3" s="37" t="s">
        <v>15</v>
      </c>
      <c r="P3" s="37" t="s">
        <v>39</v>
      </c>
      <c r="Q3" s="37" t="s">
        <v>16</v>
      </c>
      <c r="R3" s="37" t="s">
        <v>36</v>
      </c>
      <c r="S3" s="37" t="s">
        <v>17</v>
      </c>
      <c r="T3" s="37" t="s">
        <v>18</v>
      </c>
      <c r="U3" s="37" t="s">
        <v>19</v>
      </c>
      <c r="V3" s="37" t="s">
        <v>20</v>
      </c>
      <c r="W3" s="37" t="s">
        <v>40</v>
      </c>
      <c r="X3" s="37" t="s">
        <v>21</v>
      </c>
      <c r="Y3" s="37" t="s">
        <v>22</v>
      </c>
      <c r="Z3" s="37" t="s">
        <v>23</v>
      </c>
      <c r="AA3" s="37" t="s">
        <v>24</v>
      </c>
      <c r="AB3" s="37" t="s">
        <v>25</v>
      </c>
      <c r="AC3" s="37" t="s">
        <v>26</v>
      </c>
      <c r="AD3" s="37" t="s">
        <v>27</v>
      </c>
      <c r="AE3" s="45" t="s">
        <v>44</v>
      </c>
      <c r="AF3" s="37" t="s">
        <v>28</v>
      </c>
      <c r="AG3" s="39" t="s">
        <v>29</v>
      </c>
    </row>
    <row r="4" spans="1:34" ht="13.5" thickBot="1">
      <c r="A4" s="50"/>
      <c r="B4" s="51"/>
      <c r="C4" s="52"/>
      <c r="D4" s="54"/>
      <c r="E4" s="38"/>
      <c r="F4" s="38"/>
      <c r="G4" s="38"/>
      <c r="H4" s="38"/>
      <c r="I4" s="38"/>
      <c r="J4" s="38"/>
      <c r="K4" s="38"/>
      <c r="L4" s="38"/>
      <c r="M4" s="38"/>
      <c r="N4" s="46"/>
      <c r="O4" s="38"/>
      <c r="P4" s="38"/>
      <c r="Q4" s="38"/>
      <c r="R4" s="38"/>
      <c r="S4" s="38"/>
      <c r="T4" s="38"/>
      <c r="U4" s="38"/>
      <c r="V4" s="38"/>
      <c r="W4" s="38"/>
      <c r="X4" s="38"/>
      <c r="Y4" s="38"/>
      <c r="Z4" s="38"/>
      <c r="AA4" s="38"/>
      <c r="AB4" s="38"/>
      <c r="AC4" s="38"/>
      <c r="AD4" s="38"/>
      <c r="AE4" s="46"/>
      <c r="AF4" s="38"/>
      <c r="AG4" s="40"/>
    </row>
    <row r="5" spans="1:34" ht="13.5" thickTop="1">
      <c r="A5" s="17"/>
      <c r="B5" s="41"/>
      <c r="C5" s="42"/>
      <c r="D5" s="4" t="s">
        <v>30</v>
      </c>
      <c r="E5" s="19"/>
      <c r="F5" s="5" t="s">
        <v>0</v>
      </c>
      <c r="G5" s="5" t="s">
        <v>30</v>
      </c>
      <c r="H5" s="5" t="s">
        <v>30</v>
      </c>
      <c r="I5" s="5" t="s">
        <v>30</v>
      </c>
      <c r="J5" s="5" t="s">
        <v>30</v>
      </c>
      <c r="K5" s="5" t="s">
        <v>0</v>
      </c>
      <c r="L5" s="5" t="s">
        <v>0</v>
      </c>
      <c r="M5" s="5" t="s">
        <v>30</v>
      </c>
      <c r="N5" s="5" t="s">
        <v>30</v>
      </c>
      <c r="O5" s="5" t="s">
        <v>30</v>
      </c>
      <c r="P5" s="5" t="s">
        <v>30</v>
      </c>
      <c r="Q5" s="5" t="s">
        <v>30</v>
      </c>
      <c r="R5" s="5" t="s">
        <v>30</v>
      </c>
      <c r="S5" s="5" t="s">
        <v>30</v>
      </c>
      <c r="T5" s="5" t="s">
        <v>30</v>
      </c>
      <c r="U5" s="5" t="s">
        <v>30</v>
      </c>
      <c r="V5" s="5" t="s">
        <v>30</v>
      </c>
      <c r="W5" s="5" t="s">
        <v>30</v>
      </c>
      <c r="X5" s="5" t="s">
        <v>30</v>
      </c>
      <c r="Y5" s="5" t="s">
        <v>30</v>
      </c>
      <c r="Z5" s="5" t="s">
        <v>30</v>
      </c>
      <c r="AA5" s="5" t="s">
        <v>30</v>
      </c>
      <c r="AB5" s="5" t="s">
        <v>30</v>
      </c>
      <c r="AC5" s="5" t="s">
        <v>30</v>
      </c>
      <c r="AD5" s="5" t="s">
        <v>30</v>
      </c>
      <c r="AE5" s="5" t="s">
        <v>30</v>
      </c>
      <c r="AF5" s="5" t="s">
        <v>31</v>
      </c>
      <c r="AG5" s="6" t="s">
        <v>0</v>
      </c>
    </row>
    <row r="6" spans="1:34">
      <c r="A6" s="18"/>
      <c r="B6" s="43"/>
      <c r="C6" s="44"/>
      <c r="D6" s="7">
        <v>3.0000000000000001E-3</v>
      </c>
      <c r="E6" s="8" t="s">
        <v>32</v>
      </c>
      <c r="F6" s="8" t="s">
        <v>32</v>
      </c>
      <c r="G6" s="8">
        <v>0.01</v>
      </c>
      <c r="H6" s="8">
        <v>0.05</v>
      </c>
      <c r="I6" s="8">
        <v>0.01</v>
      </c>
      <c r="J6" s="8">
        <v>5.0000000000000001E-4</v>
      </c>
      <c r="K6" s="8" t="s">
        <v>32</v>
      </c>
      <c r="L6" s="8" t="s">
        <v>32</v>
      </c>
      <c r="M6" s="8">
        <v>0.02</v>
      </c>
      <c r="N6" s="8">
        <v>2E-3</v>
      </c>
      <c r="O6" s="8">
        <v>2E-3</v>
      </c>
      <c r="P6" s="8">
        <v>4.0000000000000001E-3</v>
      </c>
      <c r="Q6" s="8">
        <v>0.02</v>
      </c>
      <c r="R6" s="8">
        <v>0.04</v>
      </c>
      <c r="S6" s="8">
        <v>1</v>
      </c>
      <c r="T6" s="8">
        <v>6.0000000000000001E-3</v>
      </c>
      <c r="U6" s="8">
        <v>0.01</v>
      </c>
      <c r="V6" s="8">
        <v>0.01</v>
      </c>
      <c r="W6" s="8">
        <v>2E-3</v>
      </c>
      <c r="X6" s="8">
        <v>6.0000000000000001E-3</v>
      </c>
      <c r="Y6" s="8">
        <v>3.0000000000000001E-3</v>
      </c>
      <c r="Z6" s="8">
        <v>0.02</v>
      </c>
      <c r="AA6" s="8">
        <v>0.01</v>
      </c>
      <c r="AB6" s="8">
        <v>0.01</v>
      </c>
      <c r="AC6" s="8">
        <v>0.8</v>
      </c>
      <c r="AD6" s="8">
        <v>1</v>
      </c>
      <c r="AE6" s="8">
        <v>0.05</v>
      </c>
      <c r="AF6" s="8">
        <v>250</v>
      </c>
      <c r="AG6" s="9"/>
    </row>
    <row r="7" spans="1:34">
      <c r="A7" s="26"/>
      <c r="B7" s="28"/>
      <c r="C7" s="30"/>
      <c r="D7" s="32"/>
      <c r="E7" s="22"/>
      <c r="F7" s="22"/>
      <c r="G7" s="22"/>
      <c r="H7" s="22"/>
      <c r="I7" s="22"/>
      <c r="J7" s="22"/>
      <c r="K7" s="22"/>
      <c r="L7" s="22"/>
      <c r="M7" s="22"/>
      <c r="N7" s="22"/>
      <c r="O7" s="22"/>
      <c r="P7" s="22"/>
      <c r="Q7" s="22"/>
      <c r="R7" s="22"/>
      <c r="S7" s="22"/>
      <c r="T7" s="22"/>
      <c r="U7" s="22"/>
      <c r="V7" s="22"/>
      <c r="W7" s="22"/>
      <c r="X7" s="22"/>
      <c r="Y7" s="22"/>
      <c r="Z7" s="22"/>
      <c r="AA7" s="22"/>
      <c r="AB7" s="22"/>
      <c r="AC7" s="22"/>
      <c r="AD7" s="22"/>
      <c r="AE7" s="22"/>
      <c r="AF7" s="22"/>
      <c r="AG7" s="24"/>
    </row>
    <row r="8" spans="1:34">
      <c r="A8" s="27"/>
      <c r="B8" s="29"/>
      <c r="C8" s="31"/>
      <c r="D8" s="33"/>
      <c r="E8" s="23"/>
      <c r="F8" s="23"/>
      <c r="G8" s="23"/>
      <c r="H8" s="23"/>
      <c r="I8" s="23"/>
      <c r="J8" s="23"/>
      <c r="K8" s="23"/>
      <c r="L8" s="23"/>
      <c r="M8" s="23"/>
      <c r="N8" s="23"/>
      <c r="O8" s="23"/>
      <c r="P8" s="23"/>
      <c r="Q8" s="23"/>
      <c r="R8" s="23"/>
      <c r="S8" s="23"/>
      <c r="T8" s="23"/>
      <c r="U8" s="23"/>
      <c r="V8" s="23"/>
      <c r="W8" s="23"/>
      <c r="X8" s="23"/>
      <c r="Y8" s="23"/>
      <c r="Z8" s="23"/>
      <c r="AA8" s="23"/>
      <c r="AB8" s="23"/>
      <c r="AC8" s="23"/>
      <c r="AD8" s="23"/>
      <c r="AE8" s="23"/>
      <c r="AF8" s="23"/>
      <c r="AG8" s="25"/>
    </row>
    <row r="9" spans="1:34" ht="13.5" thickBot="1">
      <c r="A9" s="34" t="s">
        <v>33</v>
      </c>
      <c r="B9" s="35"/>
      <c r="C9" s="36"/>
      <c r="D9" s="10" t="s">
        <v>41</v>
      </c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1"/>
      <c r="AH9" s="12"/>
    </row>
    <row r="10" spans="1:34">
      <c r="A10" s="13" t="s">
        <v>34</v>
      </c>
      <c r="B10" s="14" t="s">
        <v>35</v>
      </c>
      <c r="C10" s="15" t="s">
        <v>1</v>
      </c>
      <c r="D10" s="55"/>
      <c r="E10" s="55"/>
      <c r="F10" s="55"/>
      <c r="G10" s="55"/>
      <c r="H10" s="55"/>
      <c r="I10" s="55"/>
      <c r="J10" s="55"/>
      <c r="K10" s="55"/>
      <c r="L10" s="55"/>
      <c r="M10" s="55"/>
      <c r="N10" s="55"/>
      <c r="O10" s="55"/>
      <c r="P10" s="55"/>
      <c r="Q10" s="55"/>
      <c r="R10" s="55"/>
      <c r="S10" s="55"/>
      <c r="T10" s="55"/>
      <c r="U10" s="55"/>
      <c r="V10" s="55"/>
      <c r="W10" s="55"/>
      <c r="X10" s="55"/>
      <c r="Y10" s="55"/>
      <c r="Z10" s="55"/>
      <c r="AA10" s="55"/>
      <c r="AB10" s="55"/>
      <c r="AC10" s="55"/>
      <c r="AD10" s="55"/>
      <c r="AE10" s="55"/>
      <c r="AF10" s="55"/>
      <c r="AG10" s="55"/>
      <c r="AH10" s="1" t="s">
        <v>2</v>
      </c>
    </row>
    <row r="11" spans="1:34" ht="13.5" thickBot="1">
      <c r="A11" s="16" t="s">
        <v>38</v>
      </c>
      <c r="B11" s="20" t="s">
        <v>42</v>
      </c>
      <c r="C11" s="21" t="s">
        <v>43</v>
      </c>
      <c r="D11" s="56" t="s">
        <v>46</v>
      </c>
      <c r="E11" s="56" t="s">
        <v>46</v>
      </c>
      <c r="F11" s="56" t="s">
        <v>46</v>
      </c>
      <c r="G11" s="56" t="s">
        <v>46</v>
      </c>
      <c r="H11" s="56">
        <v>0.02</v>
      </c>
      <c r="I11" s="56" t="s">
        <v>45</v>
      </c>
      <c r="J11" s="56" t="s">
        <v>45</v>
      </c>
      <c r="K11" s="56" t="s">
        <v>45</v>
      </c>
      <c r="L11" s="56" t="s">
        <v>45</v>
      </c>
      <c r="M11" s="56" t="s">
        <v>45</v>
      </c>
      <c r="N11" s="56" t="s">
        <v>45</v>
      </c>
      <c r="O11" s="56" t="s">
        <v>45</v>
      </c>
      <c r="P11" s="56" t="s">
        <v>45</v>
      </c>
      <c r="Q11" s="56" t="s">
        <v>45</v>
      </c>
      <c r="R11" s="56" t="s">
        <v>45</v>
      </c>
      <c r="S11" s="56" t="s">
        <v>45</v>
      </c>
      <c r="T11" s="56" t="s">
        <v>45</v>
      </c>
      <c r="U11" s="56" t="s">
        <v>45</v>
      </c>
      <c r="V11" s="56" t="s">
        <v>45</v>
      </c>
      <c r="W11" s="56" t="s">
        <v>45</v>
      </c>
      <c r="X11" s="56" t="s">
        <v>45</v>
      </c>
      <c r="Y11" s="56" t="s">
        <v>45</v>
      </c>
      <c r="Z11" s="56" t="s">
        <v>45</v>
      </c>
      <c r="AA11" s="56" t="s">
        <v>45</v>
      </c>
      <c r="AB11" s="56">
        <v>4.0000000000000001E-3</v>
      </c>
      <c r="AC11" s="56">
        <v>0.42</v>
      </c>
      <c r="AD11" s="56">
        <v>0.18</v>
      </c>
      <c r="AE11" s="56" t="s">
        <v>45</v>
      </c>
      <c r="AF11" s="56" t="s">
        <v>0</v>
      </c>
      <c r="AG11" s="56" t="s">
        <v>0</v>
      </c>
      <c r="AH11" s="2" t="s">
        <v>47</v>
      </c>
    </row>
  </sheetData>
  <mergeCells count="66">
    <mergeCell ref="K3:K4"/>
    <mergeCell ref="A3:C4"/>
    <mergeCell ref="D3:D4"/>
    <mergeCell ref="E3:E4"/>
    <mergeCell ref="F3:F4"/>
    <mergeCell ref="Q3:Q4"/>
    <mergeCell ref="R3:R4"/>
    <mergeCell ref="S3:S4"/>
    <mergeCell ref="T3:T4"/>
    <mergeCell ref="U3:U4"/>
    <mergeCell ref="L3:L4"/>
    <mergeCell ref="M3:M4"/>
    <mergeCell ref="N3:N4"/>
    <mergeCell ref="O3:O4"/>
    <mergeCell ref="P3:P4"/>
    <mergeCell ref="AA3:AA4"/>
    <mergeCell ref="AB3:AB4"/>
    <mergeCell ref="AC3:AC4"/>
    <mergeCell ref="AD3:AD4"/>
    <mergeCell ref="AE3:AE4"/>
    <mergeCell ref="V3:V4"/>
    <mergeCell ref="W3:W4"/>
    <mergeCell ref="X3:X4"/>
    <mergeCell ref="Y3:Y4"/>
    <mergeCell ref="Z3:Z4"/>
    <mergeCell ref="A9:C9"/>
    <mergeCell ref="B5:C5"/>
    <mergeCell ref="B6:C6"/>
    <mergeCell ref="G3:G4"/>
    <mergeCell ref="H3:H4"/>
    <mergeCell ref="I3:I4"/>
    <mergeCell ref="J3:J4"/>
    <mergeCell ref="B7:C8"/>
    <mergeCell ref="D7:D8"/>
    <mergeCell ref="E7:E8"/>
    <mergeCell ref="F7:F8"/>
    <mergeCell ref="G7:G8"/>
    <mergeCell ref="H7:H8"/>
    <mergeCell ref="I7:I8"/>
    <mergeCell ref="J7:J8"/>
    <mergeCell ref="K7:K8"/>
    <mergeCell ref="L7:L8"/>
    <mergeCell ref="M7:M8"/>
    <mergeCell ref="N7:N8"/>
    <mergeCell ref="O7:O8"/>
    <mergeCell ref="AF7:AF8"/>
    <mergeCell ref="AG7:AG8"/>
    <mergeCell ref="A7:A8"/>
    <mergeCell ref="AA7:AA8"/>
    <mergeCell ref="AB7:AB8"/>
    <mergeCell ref="AC7:AC8"/>
    <mergeCell ref="AD7:AD8"/>
    <mergeCell ref="AE7:AE8"/>
    <mergeCell ref="AF3:AF4"/>
    <mergeCell ref="AG3:AG4"/>
    <mergeCell ref="P7:P8"/>
    <mergeCell ref="Q7:Q8"/>
    <mergeCell ref="R7:R8"/>
    <mergeCell ref="S7:S8"/>
    <mergeCell ref="T7:T8"/>
    <mergeCell ref="U7:U8"/>
    <mergeCell ref="V7:V8"/>
    <mergeCell ref="W7:W8"/>
    <mergeCell ref="X7:X8"/>
    <mergeCell ref="Y7:Y8"/>
    <mergeCell ref="Z7:Z8"/>
  </mergeCells>
  <phoneticPr fontId="1"/>
  <dataValidations count="1">
    <dataValidation operator="notEqual" allowBlank="1" showInputMessage="1" showErrorMessage="1" sqref="AI1:IW1048576"/>
  </dataValidations>
  <pageMargins left="0.75" right="0.75" top="1" bottom="1" header="0.51200000000000001" footer="0.51200000000000001"/>
  <pageSetup paperSize="9" scale="60" orientation="landscape" r:id="rId1"/>
  <headerFooter alignWithMargins="0"/>
  <colBreaks count="1" manualBreakCount="1">
    <brk id="18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"/>
  <sheetData/>
  <phoneticPr fontId="1"/>
  <pageMargins left="0.75" right="0.75" top="1" bottom="1" header="0.51200000000000001" footer="0.5120000000000000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B35" sqref="B35"/>
    </sheetView>
  </sheetViews>
  <sheetFormatPr defaultRowHeight="13"/>
  <sheetData/>
  <phoneticPr fontId="1"/>
  <pageMargins left="0.75" right="0.75" top="1" bottom="1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手 めぐみ</dc:creator>
  <cp:lastModifiedBy>広島県</cp:lastModifiedBy>
  <cp:lastPrinted>2014-05-16T05:39:19Z</cp:lastPrinted>
  <dcterms:created xsi:type="dcterms:W3CDTF">1997-01-08T22:48:59Z</dcterms:created>
  <dcterms:modified xsi:type="dcterms:W3CDTF">2021-04-23T07:14:42Z</dcterms:modified>
</cp:coreProperties>
</file>